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"/>
  </p:notesMasterIdLst>
  <p:handoutMasterIdLst>
    <p:handoutMasterId r:id="rId4"/>
  </p:handoutMasterIdLst>
  <p:sldIdLst>
    <p:sldId id="258" r:id="rId2"/>
  </p:sldIdLst>
  <p:sldSz cx="12188825" cy="6845300"/>
  <p:notesSz cx="6797675" cy="9926638"/>
  <p:embeddedFontLst>
    <p:embeddedFont>
      <p:font typeface="Georgia" panose="02040502050405020303" pitchFamily="18" charset="0"/>
      <p:regular r:id="rId5"/>
      <p:bold r:id="rId6"/>
      <p:italic r:id="rId7"/>
      <p:boldItalic r:id="rId8"/>
    </p:embeddedFont>
    <p:embeddedFont>
      <p:font typeface="Wingdings 3" panose="05040102010807070707" pitchFamily="18" charset="2"/>
      <p:regular r:id="rId9"/>
    </p:embeddedFont>
    <p:embeddedFont>
      <p:font typeface="AU Passata" panose="020B0503030502030804" pitchFamily="34" charset="0"/>
      <p:regular r:id="rId10"/>
      <p:bold r:id="rId11"/>
    </p:embeddedFont>
    <p:embeddedFont>
      <p:font typeface="Calibri" panose="020F0502020204030204" pitchFamily="34" charset="0"/>
      <p:regular r:id="rId12"/>
      <p:bold r:id="rId13"/>
      <p:italic r:id="rId14"/>
      <p:boldItalic r:id="rId15"/>
    </p:embeddedFont>
    <p:embeddedFont>
      <p:font typeface="AU Passata Light" panose="020B0303030902030804" pitchFamily="34" charset="0"/>
      <p:regular r:id="rId16"/>
      <p:bold r:id="rId17"/>
    </p:embeddedFont>
    <p:embeddedFont>
      <p:font typeface="AU Peto" panose="040C0B07020602020301" pitchFamily="82" charset="0"/>
      <p:regular r:id="rId18"/>
      <p:bold r:id="rId1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AC7C6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3" autoAdjust="0"/>
    <p:restoredTop sz="93457" autoAdjust="0"/>
  </p:normalViewPr>
  <p:slideViewPr>
    <p:cSldViewPr snapToObjects="1" showGuides="1">
      <p:cViewPr>
        <p:scale>
          <a:sx n="100" d="100"/>
          <a:sy n="100" d="100"/>
        </p:scale>
        <p:origin x="-60" y="6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4.fntdata"/><Relationship Id="rId13" Type="http://schemas.openxmlformats.org/officeDocument/2006/relationships/font" Target="fonts/font9.fntdata"/><Relationship Id="rId18" Type="http://schemas.openxmlformats.org/officeDocument/2006/relationships/font" Target="fonts/font14.fntdata"/><Relationship Id="rId3" Type="http://schemas.openxmlformats.org/officeDocument/2006/relationships/notesMaster" Target="notesMasters/notesMaster1.xml"/><Relationship Id="rId21" Type="http://schemas.openxmlformats.org/officeDocument/2006/relationships/viewProps" Target="viewProps.xml"/><Relationship Id="rId7" Type="http://schemas.openxmlformats.org/officeDocument/2006/relationships/font" Target="fonts/font3.fntdata"/><Relationship Id="rId12" Type="http://schemas.openxmlformats.org/officeDocument/2006/relationships/font" Target="fonts/font8.fntdata"/><Relationship Id="rId17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12.fntdata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2.fntdata"/><Relationship Id="rId11" Type="http://schemas.openxmlformats.org/officeDocument/2006/relationships/font" Target="fonts/font7.fntdata"/><Relationship Id="rId5" Type="http://schemas.openxmlformats.org/officeDocument/2006/relationships/font" Target="fonts/font1.fntdata"/><Relationship Id="rId15" Type="http://schemas.openxmlformats.org/officeDocument/2006/relationships/font" Target="fonts/font11.fntdata"/><Relationship Id="rId23" Type="http://schemas.openxmlformats.org/officeDocument/2006/relationships/tableStyles" Target="tableStyles.xml"/><Relationship Id="rId10" Type="http://schemas.openxmlformats.org/officeDocument/2006/relationships/font" Target="fonts/font6.fntdata"/><Relationship Id="rId19" Type="http://schemas.openxmlformats.org/officeDocument/2006/relationships/font" Target="fonts/font15.fntdata"/><Relationship Id="rId4" Type="http://schemas.openxmlformats.org/officeDocument/2006/relationships/handoutMaster" Target="handoutMasters/handoutMaster1.xml"/><Relationship Id="rId9" Type="http://schemas.openxmlformats.org/officeDocument/2006/relationships/font" Target="fonts/font5.fntdata"/><Relationship Id="rId14" Type="http://schemas.openxmlformats.org/officeDocument/2006/relationships/font" Target="fonts/font10.fntdata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85725" y="744538"/>
            <a:ext cx="66262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85725" y="744538"/>
            <a:ext cx="66262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53" y="2560976"/>
            <a:ext cx="10220325" cy="1492460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538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76801"/>
            <a:ext cx="1825892" cy="2767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310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17" y="5986498"/>
            <a:ext cx="2350045" cy="6865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2381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539" cap="all" spc="36" baseline="0" dirty="0">
                <a:solidFill>
                  <a:schemeClr val="bg1"/>
                </a:solidFill>
                <a:latin typeface="AU Passata Light" pitchFamily="34" charset="0"/>
              </a:rPr>
              <a:t>Department of Physics
and Astronom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86496"/>
            <a:ext cx="2271840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26809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smtClean="0">
                <a:solidFill>
                  <a:schemeClr val="bg1"/>
                </a:solidFill>
                <a:latin typeface="+mn-lt"/>
              </a:rPr>
              <a:t>14 June 2018</a:t>
            </a:r>
            <a:endParaRPr lang="en-GB" sz="632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86496"/>
            <a:ext cx="2982416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26809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Academic Employe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86498"/>
            <a:ext cx="2271840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0717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CPHDUST2018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86498"/>
            <a:ext cx="2982416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0717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John D. Thrower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010" y="5986499"/>
            <a:ext cx="597921" cy="52983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8073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82133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899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5" y="5986495"/>
            <a:ext cx="557569" cy="557999"/>
          </a:xfrm>
          <a:prstGeom prst="rect">
            <a:avLst/>
          </a:prstGeom>
        </p:spPr>
      </p:pic>
      <p:pic>
        <p:nvPicPr>
          <p:cNvPr id="193579094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5" y="5986495"/>
            <a:ext cx="1658237" cy="558431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86498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220"/>
            <a:ext cx="5644800" cy="2648287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1384"/>
            <a:ext cx="5644800" cy="2648287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213"/>
            <a:ext cx="5644800" cy="557326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5" userDrawn="1">
          <p15:clr>
            <a:srgbClr val="A4A3A4"/>
          </p15:clr>
        </p15:guide>
        <p15:guide id="4" orient="horz" pos="1869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213"/>
            <a:ext cx="5644800" cy="557326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220"/>
            <a:ext cx="5644800" cy="2648287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1384"/>
            <a:ext cx="5644800" cy="2648287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5" userDrawn="1">
          <p15:clr>
            <a:srgbClr val="A4A3A4"/>
          </p15:clr>
        </p15:guide>
        <p15:guide id="4" orient="horz" pos="1869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334"/>
            <a:ext cx="11557000" cy="6208835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17" y="4"/>
            <a:ext cx="12188825" cy="588664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2130" tIns="41064" rIns="82130" bIns="41064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0164"/>
            <a:ext cx="8496944" cy="3737481"/>
          </a:xfrm>
        </p:spPr>
        <p:txBody>
          <a:bodyPr/>
          <a:lstStyle>
            <a:lvl1pPr marL="388030" indent="-38803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513">
                <a:latin typeface="Georgia" panose="02040502050405020303" pitchFamily="18" charset="0"/>
              </a:defRPr>
            </a:lvl1pPr>
            <a:lvl2pPr marL="194016" indent="-194016" algn="ctr">
              <a:lnSpc>
                <a:spcPct val="99000"/>
              </a:lnSpc>
              <a:buFont typeface="Arial" panose="020B0604020202020204" pitchFamily="34" charset="0"/>
              <a:buChar char="-"/>
              <a:defRPr sz="1796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17" y="4"/>
            <a:ext cx="12188825" cy="588664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2130" tIns="41064" rIns="82130" bIns="41064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29980"/>
            <a:ext cx="11563200" cy="751007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0032"/>
            <a:ext cx="6264696" cy="2720242"/>
          </a:xfrm>
        </p:spPr>
        <p:txBody>
          <a:bodyPr/>
          <a:lstStyle>
            <a:lvl1pPr marL="388030" indent="-38803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513">
                <a:latin typeface="Georgia" panose="02040502050405020303" pitchFamily="18" charset="0"/>
              </a:defRPr>
            </a:lvl1pPr>
            <a:lvl2pPr marL="194016" indent="-194016" algn="ctr">
              <a:lnSpc>
                <a:spcPct val="99000"/>
              </a:lnSpc>
              <a:buFont typeface="Arial" panose="020B0604020202020204" pitchFamily="34" charset="0"/>
              <a:buChar char="-"/>
              <a:defRPr sz="1796" cap="all" baseline="0">
                <a:latin typeface="Georgia" panose="02040502050405020303" pitchFamily="18" charset="0"/>
              </a:defRPr>
            </a:lvl2pPr>
            <a:lvl3pPr marL="517377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011"/>
            <a:ext cx="11550650" cy="620196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0584"/>
            <a:ext cx="2012649" cy="4725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31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38289"/>
            <a:ext cx="1224136" cy="50312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2130" tIns="41064" rIns="82130" bIns="41064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59359"/>
            <a:ext cx="2531272" cy="2533226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07004"/>
            <a:ext cx="0" cy="423193"/>
          </a:xfrm>
          <a:prstGeom prst="rect">
            <a:avLst/>
          </a:prstGeom>
        </p:spPr>
        <p:txBody>
          <a:bodyPr/>
          <a:lstStyle>
            <a:lvl1pPr>
              <a:defRPr sz="197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4809"/>
            <a:ext cx="12745416" cy="1194591"/>
          </a:xfrm>
          <a:prstGeom prst="rect">
            <a:avLst/>
          </a:prstGeom>
        </p:spPr>
        <p:txBody>
          <a:bodyPr wrap="square" lIns="0" tIns="0" rIns="0" bIns="194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8983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 sz="1976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89730"/>
            <a:ext cx="4356484" cy="1194591"/>
          </a:xfrm>
          <a:prstGeom prst="rect">
            <a:avLst/>
          </a:prstGeom>
        </p:spPr>
        <p:txBody>
          <a:bodyPr wrap="square" lIns="0" tIns="0" rIns="0" bIns="194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8983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8983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2208"/>
            <a:ext cx="9289032" cy="1194591"/>
          </a:xfrm>
          <a:prstGeom prst="rect">
            <a:avLst/>
          </a:prstGeom>
        </p:spPr>
        <p:txBody>
          <a:bodyPr wrap="square" lIns="0" tIns="0" rIns="0" bIns="194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8983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8983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07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07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07004"/>
            <a:ext cx="0" cy="423193"/>
          </a:xfrm>
          <a:prstGeom prst="rect">
            <a:avLst/>
          </a:prstGeom>
        </p:spPr>
        <p:txBody>
          <a:bodyPr/>
          <a:lstStyle>
            <a:lvl1pPr>
              <a:defRPr sz="197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37252"/>
            <a:ext cx="648000" cy="46713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310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61" y="1517500"/>
            <a:ext cx="9543307" cy="1776258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538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08551"/>
            <a:ext cx="7161212" cy="1742852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424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28910"/>
            <a:ext cx="2012649" cy="73729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310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17" y="5986498"/>
            <a:ext cx="2350045" cy="6865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2381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539" cap="all" spc="36" baseline="0" dirty="0">
                <a:solidFill>
                  <a:schemeClr val="bg1"/>
                </a:solidFill>
                <a:latin typeface="AU Passata Light" pitchFamily="34" charset="0"/>
              </a:rPr>
              <a:t>Department of Physics
and Astronom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010" y="5986499"/>
            <a:ext cx="597921" cy="52983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8073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82133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899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86496"/>
            <a:ext cx="2271840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26809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smtClean="0">
                <a:solidFill>
                  <a:schemeClr val="bg1"/>
                </a:solidFill>
                <a:latin typeface="+mn-lt"/>
              </a:rPr>
              <a:t>14 June 2018</a:t>
            </a:r>
            <a:endParaRPr lang="en-GB" sz="632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86496"/>
            <a:ext cx="2982416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26809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Academic Employe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86498"/>
            <a:ext cx="2271840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0717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CPHDUST2018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86498"/>
            <a:ext cx="2982416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0717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John D. Throw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5" y="5986495"/>
            <a:ext cx="557569" cy="557999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86498"/>
            <a:ext cx="71734" cy="557999"/>
          </a:xfrm>
          <a:prstGeom prst="rect">
            <a:avLst/>
          </a:prstGeom>
        </p:spPr>
      </p:pic>
      <p:pic>
        <p:nvPicPr>
          <p:cNvPr id="60449873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5" y="5986495"/>
            <a:ext cx="1658237" cy="558431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9" y="2799214"/>
            <a:ext cx="2393284" cy="116152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64903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82133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592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59410"/>
            <a:ext cx="2228400" cy="1116993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07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07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07004"/>
            <a:ext cx="0" cy="423193"/>
          </a:xfrm>
          <a:prstGeom prst="rect">
            <a:avLst/>
          </a:prstGeom>
        </p:spPr>
        <p:txBody>
          <a:bodyPr/>
          <a:lstStyle>
            <a:lvl1pPr>
              <a:defRPr sz="197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17" y="0"/>
            <a:ext cx="12188825" cy="68453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53" y="2560976"/>
            <a:ext cx="10220325" cy="1492460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538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76801"/>
            <a:ext cx="1825892" cy="2767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310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17" y="5986498"/>
            <a:ext cx="2350045" cy="6865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2381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539" cap="all" spc="36" baseline="0" dirty="0">
                <a:solidFill>
                  <a:schemeClr val="bg1"/>
                </a:solidFill>
                <a:latin typeface="AU Passata Light" pitchFamily="34" charset="0"/>
              </a:rPr>
              <a:t>Department of Physics
and Astronom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2010" y="5986499"/>
            <a:ext cx="597921" cy="52983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8073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82133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899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86496"/>
            <a:ext cx="2271840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26809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smtClean="0">
                <a:solidFill>
                  <a:schemeClr val="bg1"/>
                </a:solidFill>
                <a:latin typeface="+mn-lt"/>
              </a:rPr>
              <a:t>14 June 2018</a:t>
            </a:r>
            <a:endParaRPr lang="en-GB" sz="632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86496"/>
            <a:ext cx="2982416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26809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Academic Employe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86498"/>
            <a:ext cx="2271840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0717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CPHDUST2018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86498"/>
            <a:ext cx="2982416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0717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John D. Throw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5" y="5986495"/>
            <a:ext cx="557569" cy="557999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86498"/>
            <a:ext cx="71734" cy="557999"/>
          </a:xfrm>
          <a:prstGeom prst="rect">
            <a:avLst/>
          </a:prstGeom>
        </p:spPr>
      </p:pic>
      <p:pic>
        <p:nvPicPr>
          <p:cNvPr id="161422612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5" y="5986495"/>
            <a:ext cx="1658237" cy="558431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53" y="1956449"/>
            <a:ext cx="10220325" cy="393019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39535"/>
            <a:ext cx="1825892" cy="4151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899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31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33734"/>
            <a:ext cx="12193200" cy="588347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82130" tIns="41064" rIns="82130" bIns="41064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17" y="1043753"/>
            <a:ext cx="647831" cy="47911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  <a:p>
            <a:pPr algn="ctr"/>
            <a:endParaRPr lang="en-GB" sz="431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209"/>
            <a:ext cx="11556000" cy="750709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53" y="1370486"/>
            <a:ext cx="10220325" cy="451299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39536"/>
            <a:ext cx="1825892" cy="2767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31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3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7"/>
            <a:ext cx="12193200" cy="590025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82130" tIns="41064" rIns="82130" bIns="41064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17" y="1043753"/>
            <a:ext cx="647831" cy="47911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  <a:p>
            <a:pPr algn="ctr"/>
            <a:endParaRPr lang="en-GB" sz="431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11" y="229980"/>
            <a:ext cx="5644263" cy="751007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48" y="1369065"/>
            <a:ext cx="4975225" cy="451758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331"/>
            <a:ext cx="5644110" cy="5571314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39536"/>
            <a:ext cx="1825892" cy="2767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4310"/>
          </a:p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310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4"/>
            <a:ext cx="12193200" cy="590006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82130" tIns="41064" rIns="82130" bIns="41064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82133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437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92" y="2689555"/>
            <a:ext cx="647831" cy="47911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  <a:p>
            <a:pPr algn="ctr"/>
            <a:endParaRPr lang="en-GB" sz="431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48" y="1482038"/>
            <a:ext cx="4975225" cy="970181"/>
          </a:xfrm>
        </p:spPr>
        <p:txBody>
          <a:bodyPr anchor="b" anchorCtr="0"/>
          <a:lstStyle>
            <a:lvl1pPr>
              <a:lnSpc>
                <a:spcPct val="95000"/>
              </a:lnSpc>
              <a:defRPr sz="2695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48" y="3005140"/>
            <a:ext cx="4975225" cy="1855007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328"/>
            <a:ext cx="5644800" cy="557326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77588"/>
            <a:ext cx="1825892" cy="1383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899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899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sz="431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3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213"/>
            <a:ext cx="11559600" cy="557326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213"/>
            <a:ext cx="5644800" cy="557326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213"/>
            <a:ext cx="5644800" cy="557326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69308"/>
            <a:ext cx="252000" cy="141064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 dirty="0"/>
              <a:t>08/06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8841"/>
            <a:ext cx="11557000" cy="13069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53" y="1956449"/>
            <a:ext cx="10220325" cy="39301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507269565" name="SecondaryLogo_sort"/>
          <p:cNvPicPr>
            <a:picLocks noChangeAspect="1"/>
          </p:cNvPicPr>
          <p:nvPr/>
        </p:nvPicPr>
        <p:blipFill>
          <a:blip r:embed="rId22">
            <a:lum bright="70000" contrast="-70000"/>
            <a:extLst/>
          </a:blip>
          <a:stretch>
            <a:fillRect/>
          </a:stretch>
        </p:blipFill>
        <p:spPr>
          <a:xfrm>
            <a:off x="10206005" y="5986495"/>
            <a:ext cx="1658237" cy="558431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57" y="1660011"/>
            <a:ext cx="647831" cy="47911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310" dirty="0"/>
          </a:p>
          <a:p>
            <a:pPr algn="ctr"/>
            <a:endParaRPr lang="en-GB" sz="4310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86498"/>
            <a:ext cx="2271840" cy="40257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0717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dirty="0">
                <a:solidFill>
                  <a:schemeClr val="bg1"/>
                </a:solidFill>
                <a:latin typeface="+mn-lt"/>
              </a:rPr>
              <a:t>CPHDUST2018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6014938"/>
            <a:ext cx="2982416" cy="463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0717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1050" b="0" cap="all" baseline="0" dirty="0">
                <a:solidFill>
                  <a:schemeClr val="bg1"/>
                </a:solidFill>
                <a:latin typeface="+mn-lt"/>
              </a:rPr>
              <a:t>John D. Thrower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86496"/>
            <a:ext cx="2271840" cy="52337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26809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632" b="0" cap="all" baseline="0" smtClean="0">
                <a:solidFill>
                  <a:schemeClr val="bg1"/>
                </a:solidFill>
                <a:latin typeface="+mn-lt"/>
              </a:rPr>
              <a:t>14 June 2018</a:t>
            </a:r>
            <a:endParaRPr lang="en-GB" sz="632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87890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86495"/>
            <a:ext cx="71734" cy="557999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17" y="5986498"/>
            <a:ext cx="2350045" cy="6865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2381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539" cap="all" spc="36" baseline="0" dirty="0">
                <a:solidFill>
                  <a:schemeClr val="bg1"/>
                </a:solidFill>
                <a:latin typeface="AU Passata Light" pitchFamily="34" charset="0"/>
              </a:rPr>
              <a:t>Department of Physics
and Astronom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2010" y="5986499"/>
            <a:ext cx="597921" cy="52983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8073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82133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899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07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97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6/2018</a:t>
            </a:fld>
            <a:r>
              <a:rPr lang="en-GB"/>
              <a:t>08/06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07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97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042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5pPr>
      <a:lvl6pPr marL="410668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6pPr>
      <a:lvl7pPr marL="821333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7pPr>
      <a:lvl8pPr marL="1232002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8pPr>
      <a:lvl9pPr marL="164267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592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1796" b="0">
          <a:solidFill>
            <a:schemeClr val="tx1"/>
          </a:solidFill>
          <a:latin typeface="+mn-lt"/>
          <a:ea typeface="+mn-ea"/>
          <a:cs typeface="+mn-cs"/>
        </a:defRPr>
      </a:lvl1pPr>
      <a:lvl2pPr marL="388030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2pPr>
      <a:lvl3pPr marL="679057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3pPr>
      <a:lvl4pPr marL="1034753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4pPr>
      <a:lvl5pPr marL="1358112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5pPr>
      <a:lvl6pPr marL="1649137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6pPr>
      <a:lvl7pPr marL="1649137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7pPr>
      <a:lvl8pPr marL="1649137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8pPr>
      <a:lvl9pPr marL="1649137" indent="-161679" algn="l" rtl="0" eaLnBrk="1" fontAlgn="base" hangingPunct="1">
        <a:lnSpc>
          <a:spcPct val="99000"/>
        </a:lnSpc>
        <a:spcBef>
          <a:spcPts val="539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796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1pPr>
      <a:lvl2pPr marL="410668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2pPr>
      <a:lvl3pPr marL="821333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3pPr>
      <a:lvl4pPr marL="1232002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4pPr>
      <a:lvl5pPr marL="1642670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5pPr>
      <a:lvl6pPr marL="2053335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6pPr>
      <a:lvl7pPr marL="2464005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7pPr>
      <a:lvl8pPr marL="2874674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8pPr>
      <a:lvl9pPr marL="3285339" algn="l" defTabSz="821333" rtl="0" eaLnBrk="1" latinLnBrk="0" hangingPunct="1">
        <a:defRPr sz="161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09" userDrawn="1">
          <p15:clr>
            <a:srgbClr val="000000"/>
          </p15:clr>
        </p15:guide>
        <p15:guide id="5" orient="horz" pos="4123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2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tif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 bwMode="auto">
          <a:xfrm>
            <a:off x="0" y="-72008"/>
            <a:ext cx="12188825" cy="6014938"/>
          </a:xfrm>
          <a:prstGeom prst="rect">
            <a:avLst/>
          </a:prstGeom>
          <a:solidFill>
            <a:srgbClr val="CAC7C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/>
          <p:cNvSpPr/>
          <p:nvPr/>
        </p:nvSpPr>
        <p:spPr bwMode="auto">
          <a:xfrm>
            <a:off x="4735342" y="1249478"/>
            <a:ext cx="7453483" cy="468052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54298"/>
            <a:ext cx="11556000" cy="750709"/>
          </a:xfrm>
        </p:spPr>
        <p:txBody>
          <a:bodyPr/>
          <a:lstStyle/>
          <a:p>
            <a:pPr algn="ctr"/>
            <a:r>
              <a:rPr lang="en-US" sz="2800" dirty="0" err="1" smtClean="0"/>
              <a:t>Superhydrogenation</a:t>
            </a:r>
            <a:r>
              <a:rPr lang="en-US" sz="2800" dirty="0" smtClean="0"/>
              <a:t> </a:t>
            </a:r>
            <a:r>
              <a:rPr lang="en-US" sz="2800" dirty="0"/>
              <a:t>of PAHs </a:t>
            </a:r>
            <a:r>
              <a:rPr lang="en-US" sz="2800" dirty="0" smtClean="0"/>
              <a:t>through interaction with hydrogenated grain surfaces</a:t>
            </a:r>
            <a:endParaRPr lang="en-GB" sz="28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5877" y="2282645"/>
            <a:ext cx="3843077" cy="191950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34372" y="1470747"/>
            <a:ext cx="4609024" cy="184435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439192" y="3852638"/>
            <a:ext cx="2273722" cy="1792560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153358" y="3900664"/>
            <a:ext cx="1438275" cy="1438275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343691" y="4790622"/>
            <a:ext cx="923925" cy="933450"/>
          </a:xfrm>
          <a:prstGeom prst="rect">
            <a:avLst/>
          </a:prstGeom>
        </p:spPr>
      </p:pic>
      <p:sp>
        <p:nvSpPr>
          <p:cNvPr id="18" name="Down Arrow 17"/>
          <p:cNvSpPr/>
          <p:nvPr/>
        </p:nvSpPr>
        <p:spPr bwMode="auto">
          <a:xfrm rot="19014964">
            <a:off x="9979521" y="3375219"/>
            <a:ext cx="268503" cy="385238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Down Arrow 18"/>
          <p:cNvSpPr/>
          <p:nvPr/>
        </p:nvSpPr>
        <p:spPr bwMode="auto">
          <a:xfrm rot="2585036" flipH="1">
            <a:off x="8182485" y="3412528"/>
            <a:ext cx="268503" cy="385238"/>
          </a:xfrm>
          <a:prstGeom prst="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909836" y="4592664"/>
            <a:ext cx="33843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PAHs pick up H from hydrogenated graphite.</a:t>
            </a:r>
            <a:endParaRPr lang="en-GB" sz="1600" dirty="0">
              <a:latin typeface="+mn-lt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2657415" y="6086946"/>
            <a:ext cx="2077927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4800" b="1" dirty="0" smtClean="0">
                <a:solidFill>
                  <a:srgbClr val="FFC000"/>
                </a:solidFill>
                <a:latin typeface="+mn-lt"/>
              </a:rPr>
              <a:t>#173</a:t>
            </a:r>
            <a:endParaRPr lang="en-GB" sz="4800" b="1" dirty="0">
              <a:solidFill>
                <a:srgbClr val="FFC000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:9">
  <a:themeElements>
    <a:clrScheme name="AU_Grey">
      <a:dk1>
        <a:srgbClr val="000000"/>
      </a:dk1>
      <a:lt1>
        <a:srgbClr val="FFFFFF"/>
      </a:lt1>
      <a:dk2>
        <a:srgbClr val="4B4B4A"/>
      </a:dk2>
      <a:lt2>
        <a:srgbClr val="4B4B4A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</Words>
  <Application>Microsoft Office PowerPoint</Application>
  <PresentationFormat>Custom</PresentationFormat>
  <Paragraphs>4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9" baseType="lpstr">
      <vt:lpstr>Georgia</vt:lpstr>
      <vt:lpstr>Wingdings 3</vt:lpstr>
      <vt:lpstr>AU Passata</vt:lpstr>
      <vt:lpstr>Calibri</vt:lpstr>
      <vt:lpstr>AU Passata Light</vt:lpstr>
      <vt:lpstr>Arial</vt:lpstr>
      <vt:lpstr>AU Peto</vt:lpstr>
      <vt:lpstr>AU 16:9</vt:lpstr>
      <vt:lpstr>Superhydrogenation of PAHs through interaction with hydrogenated grain surfa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6-08T09:54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58542521136150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200</vt:lpwstr>
  </property>
  <property fmtid="{D5CDD505-2E9C-101B-9397-08002B2CF9AE}" pid="62" name="colorthemechange">
    <vt:lpwstr>True</vt:lpwstr>
  </property>
</Properties>
</file>